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231"/>
  <workbookPr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U 2024\ZPU 10-2024 - materiały biurowe\"/>
    </mc:Choice>
  </mc:AlternateContent>
  <xr:revisionPtr revIDLastSave="0" documentId="13_ncr:1_{4D9899DB-074B-4F84-860D-C876F3FD1E28}" xr6:coauthVersionLast="47" xr6:coauthVersionMax="47" xr10:uidLastSave="{00000000-0000-0000-0000-000000000000}"/>
  <bookViews>
    <workbookView xWindow="-110" yWindow="-110" windowWidth="38620" windowHeight="2110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63" i="1" l="1"/>
  <c r="H63" i="1"/>
</calcChain>
</file>

<file path=xl/sharedStrings.xml><?xml version="1.0" encoding="utf-8"?>
<sst xmlns="http://schemas.openxmlformats.org/spreadsheetml/2006/main" count="187" uniqueCount="132">
  <si>
    <t>Lp.</t>
  </si>
  <si>
    <t>Naza przedmiotu</t>
  </si>
  <si>
    <t>Jm.</t>
  </si>
  <si>
    <t>Ilość</t>
  </si>
  <si>
    <t>Cena jednostkowa netto</t>
  </si>
  <si>
    <t>Wartość netto</t>
  </si>
  <si>
    <t>1.</t>
  </si>
  <si>
    <t>szt.</t>
  </si>
  <si>
    <t>2.</t>
  </si>
  <si>
    <t>Bateria alkaliczna AA LR6</t>
  </si>
  <si>
    <t>3.</t>
  </si>
  <si>
    <t>Bateria alkaliczna AAA LR3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op.</t>
  </si>
  <si>
    <t>13.</t>
  </si>
  <si>
    <t>14.</t>
  </si>
  <si>
    <t>Folia laminacyjna A4 80 mic. a'100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 xml:space="preserve">Koszulki groszkowe A4 a'100 szt. 48 mic. 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37.</t>
  </si>
  <si>
    <t>Papier komputerowy 240x12"x3</t>
  </si>
  <si>
    <t>38.</t>
  </si>
  <si>
    <t>39.</t>
  </si>
  <si>
    <t>40.</t>
  </si>
  <si>
    <t>41.</t>
  </si>
  <si>
    <t>42.</t>
  </si>
  <si>
    <t>43.</t>
  </si>
  <si>
    <t>44.</t>
  </si>
  <si>
    <t>45.</t>
  </si>
  <si>
    <t>46.</t>
  </si>
  <si>
    <t>47.</t>
  </si>
  <si>
    <t>48.</t>
  </si>
  <si>
    <t>49.</t>
  </si>
  <si>
    <t>50.</t>
  </si>
  <si>
    <t>51.</t>
  </si>
  <si>
    <t>Spinacz okrągły biurowy 28 mm a'100</t>
  </si>
  <si>
    <t>52.</t>
  </si>
  <si>
    <t>53.</t>
  </si>
  <si>
    <t>54.</t>
  </si>
  <si>
    <t>55.</t>
  </si>
  <si>
    <t>56.</t>
  </si>
  <si>
    <t>Taśma klejąca pakowa 48mmx66m brązowa  HotMelt Scotch</t>
  </si>
  <si>
    <t>57.</t>
  </si>
  <si>
    <t>58.</t>
  </si>
  <si>
    <t>Zakładka indeksująca 4x50 kartek 20mmx50mm</t>
  </si>
  <si>
    <t>Zszywki 24/6 miedziowane a'1000</t>
  </si>
  <si>
    <t>Zszywki 10E/2500 do zszywacz elektryczny</t>
  </si>
  <si>
    <t>Kostka papierowa Karteczki 85x85 a'700-800 biała nieklejona</t>
  </si>
  <si>
    <t>VAT%</t>
  </si>
  <si>
    <t>Wartość brutto</t>
  </si>
  <si>
    <t>SZCZEGÓŁOWY OPIS PRZEDMIOTU ZAMÓWIENIA - FORMULARZ CENOWY</t>
  </si>
  <si>
    <t>Grzbiet do bindownicy plastikowy 12,5 mm a'100</t>
  </si>
  <si>
    <t>Koperta B5 biała HK samoklejaca z paskiem a'500 176x250mm 90g</t>
  </si>
  <si>
    <t>Koszulki Maxi A4 a'100</t>
  </si>
  <si>
    <t xml:space="preserve">Skoroszyt PCV A4 zawieszany </t>
  </si>
  <si>
    <t>Teczka z gumką lakierowana A4 350g</t>
  </si>
  <si>
    <t>Woreczek strunowy 250x300 op. 100szt</t>
  </si>
  <si>
    <t>Woreczek strunowy 200x250 A' 100szt</t>
  </si>
  <si>
    <t>Woreczek strunowy 300x400 op. 100szt</t>
  </si>
  <si>
    <t>Rysiki do ołówków automatycznych 0,5mm A'12 ,HB</t>
  </si>
  <si>
    <t>ZPU 10/2024</t>
  </si>
  <si>
    <t>Arkusz spisu z natury samokopiujący A4,</t>
  </si>
  <si>
    <t>Datownik  samotuszujacy  0.4 mm. Typu Trodat 4810</t>
  </si>
  <si>
    <t xml:space="preserve">Długopis automatyczny niebieski linia pisząca 0.5mm, końcówka 0,7mm. Typu D.Rect 294A </t>
  </si>
  <si>
    <t>Długopis z wymiennym wkładem 0,7mm, skuwka zawiera sylikonową kulkę zabezpieczającą przed wysychaniem tuszu. Grubość lini pisania 0,27mm. Kolor tuszu niebieski. Typu PENTEL BK77</t>
  </si>
  <si>
    <t xml:space="preserve">Długopis automatyczny z wymiennym wkładem napełnionym pod ciśnieniem 3000hPa, piszący w pozycji poziomej, z końcówką skierowaną do góry, z gumowym uchwytemi plastikowym klipem. Kolor tuszu: niebieski.Grubość końcówki 0,7mm. Typu UNI SN227 Power Tank </t>
  </si>
  <si>
    <t>Etykiety uniwersalne,samoprzylepne o arkuszach formatu A4, fluorescenncyjne kolory    ( zielone, niebieskie, żółte ), 
Do drukarek atramentowych, laserowych i kserokopiarek
Opakowanie 25 arkuszy  Typu Grand</t>
  </si>
  <si>
    <t>żółty neon 100 arkuszy-1 szt zielony neon, 100 arkuszy-2szt        (3 szt)</t>
  </si>
  <si>
    <t>Grzbiet do bindownicy plastikowy 6mm a'200</t>
  </si>
  <si>
    <t>Grzbiet do bindownicy plastikowy 28mm a'50</t>
  </si>
  <si>
    <t>Grzbiet do bindownicy plastikowy 20mm a'100</t>
  </si>
  <si>
    <t>Grzbiet do bindownicy plastikowy 10mm a'100</t>
  </si>
  <si>
    <t>Marker CD 0.4-0.7mm czarny dwustronny typu Pilot</t>
  </si>
  <si>
    <t>Okładka do bindowania przeźroczysta A4, 150mic,  A'100</t>
  </si>
  <si>
    <t>Okładka do bindowania czerwona A4 , 250 g  a'100</t>
  </si>
  <si>
    <t>Trymer A4 8k typu Dahle 507</t>
  </si>
  <si>
    <t xml:space="preserve">Tusz do stempli gumowych a'30 ml, kolor czarny             </t>
  </si>
  <si>
    <t>10 czarnych</t>
  </si>
  <si>
    <t>Zakreślacz np.STABILO BOSS oryginal 70/33         ( niebieski, zielony, różowy, zółty, pomarańczowy )</t>
  </si>
  <si>
    <t>różowy neon -6, pomarańczowy neon-6, żółty neon-6  (18 szt )</t>
  </si>
  <si>
    <t>Zszywacz biurowy elektryczny np. Leitz5532 z zasilaczem</t>
  </si>
  <si>
    <t>Gumka do mazania typu Pentel ZEH05</t>
  </si>
  <si>
    <t>Kalkulator biurkowy czarny np.  Citizen SDC-444S wymiary 15x20cm</t>
  </si>
  <si>
    <t>Taśma dwustronna na piance 48mm x 10m</t>
  </si>
  <si>
    <t>Bateria LR44</t>
  </si>
  <si>
    <t>Bloczek samoprzylepny 40x50</t>
  </si>
  <si>
    <t>Gumka recepturka rozmir 50mm 1 kg</t>
  </si>
  <si>
    <t xml:space="preserve">Wkłady do długopisów typu power tank, pasujący do długopisu z poz.7  </t>
  </si>
  <si>
    <t>Segregator 75mm, A4</t>
  </si>
  <si>
    <t>Segregator 50mm, A4</t>
  </si>
  <si>
    <t>Tablica korkowa 30x40cm</t>
  </si>
  <si>
    <t>Dziurkacz 30k</t>
  </si>
  <si>
    <t>Holder z klipsem, identyfikator</t>
  </si>
  <si>
    <t>Nożyczki dla leworęcznych ostrze nie krótsze niż 9 cm</t>
  </si>
  <si>
    <t>Pojemnik na dokumenty 4 szuflady przeźroczysty, dymny</t>
  </si>
  <si>
    <t>Teczka do akt osobowych, granatowa 2R/3cm, typu Biurfol ,A4</t>
  </si>
  <si>
    <t>Sztywne kartonowe koperty wysyłkowe, 100 szt ,rozmiar 250mmx351mm</t>
  </si>
  <si>
    <t xml:space="preserve">Papier satynowy format: A4- gramatura: 160 g/m2- ilość arkuszy w ryzie: 250 </t>
  </si>
  <si>
    <t>ryza</t>
  </si>
  <si>
    <t>Papier ksero A3 do drukarek laserowych oraz atramentowych, biały ryza 500 arkuszy, gramatura 80g/m²</t>
  </si>
  <si>
    <t>Zeszyt A4 w kratkę 96 kartek, gramatura 90g/m², oprawa półtwarda</t>
  </si>
  <si>
    <t>Zeszyt B5 w kratkę 96 kartek, gramatura 90g/m², oprawa półtwarda</t>
  </si>
  <si>
    <r>
      <t>Koperta listowa C6 biała bez okienka  HK samoklejąca z paskiem, z poddrukiem w kolorze szarym lub niebieskim, gramatura papieru 120g/m</t>
    </r>
    <r>
      <rPr>
        <sz val="11"/>
        <color theme="1"/>
        <rFont val="Calibri"/>
        <family val="2"/>
        <charset val="238"/>
      </rPr>
      <t>²,</t>
    </r>
    <r>
      <rPr>
        <sz val="11"/>
        <color theme="1"/>
        <rFont val="Calibri"/>
        <family val="2"/>
        <charset val="238"/>
        <scheme val="minor"/>
      </rPr>
      <t xml:space="preserve"> wymiary  114x162 mm, a'1000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8" formatCode="#,##0.00\ &quot;zł&quot;;[Red]\-#,##0.00\ &quot;zł&quot;"/>
    <numFmt numFmtId="164" formatCode="#,##0.00\ &quot;zł&quot;"/>
  </numFmts>
  <fonts count="7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</font>
    <font>
      <sz val="12"/>
      <color theme="1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5" tint="0.7999816888943144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4" fillId="2" borderId="0" applyNumberFormat="0" applyBorder="0" applyAlignment="0" applyProtection="0"/>
    <xf numFmtId="0" fontId="4" fillId="3" borderId="0" applyNumberFormat="0" applyBorder="0" applyAlignment="0" applyProtection="0"/>
  </cellStyleXfs>
  <cellXfs count="22">
    <xf numFmtId="0" fontId="0" fillId="0" borderId="0" xfId="0"/>
    <xf numFmtId="0" fontId="1" fillId="0" borderId="0" xfId="0" applyFont="1"/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8" fontId="3" fillId="0" borderId="1" xfId="0" applyNumberFormat="1" applyFont="1" applyBorder="1" applyAlignment="1">
      <alignment horizontal="justify" vertical="center"/>
    </xf>
    <xf numFmtId="1" fontId="3" fillId="0" borderId="1" xfId="0" applyNumberFormat="1" applyFont="1" applyBorder="1" applyAlignment="1">
      <alignment horizontal="justify" vertical="center"/>
    </xf>
    <xf numFmtId="164" fontId="3" fillId="0" borderId="1" xfId="0" applyNumberFormat="1" applyFont="1" applyBorder="1" applyAlignment="1">
      <alignment horizontal="justify" vertical="center"/>
    </xf>
    <xf numFmtId="0" fontId="2" fillId="0" borderId="0" xfId="0" applyFont="1" applyAlignment="1">
      <alignment horizontal="justify" vertical="center"/>
    </xf>
    <xf numFmtId="8" fontId="2" fillId="0" borderId="2" xfId="0" applyNumberFormat="1" applyFont="1" applyBorder="1" applyAlignment="1">
      <alignment horizontal="justify" vertical="center"/>
    </xf>
    <xf numFmtId="0" fontId="2" fillId="0" borderId="3" xfId="0" applyFont="1" applyBorder="1" applyAlignment="1">
      <alignment horizontal="justify" vertical="center"/>
    </xf>
    <xf numFmtId="0" fontId="1" fillId="0" borderId="0" xfId="0" applyFont="1" applyAlignment="1">
      <alignment horizont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4" fillId="3" borderId="1" xfId="2" applyBorder="1" applyAlignment="1">
      <alignment horizontal="center" vertical="center"/>
    </xf>
    <xf numFmtId="0" fontId="4" fillId="4" borderId="1" xfId="2" applyFill="1" applyBorder="1" applyAlignment="1">
      <alignment horizontal="center" vertical="center" wrapText="1"/>
    </xf>
    <xf numFmtId="0" fontId="4" fillId="2" borderId="1" xfId="1" applyBorder="1" applyAlignment="1">
      <alignment horizontal="center" vertical="center"/>
    </xf>
    <xf numFmtId="0" fontId="0" fillId="4" borderId="1" xfId="2" applyNumberFormat="1" applyFont="1" applyFill="1" applyBorder="1" applyAlignment="1">
      <alignment horizontal="center" vertical="center" wrapText="1"/>
    </xf>
    <xf numFmtId="0" fontId="4" fillId="3" borderId="1" xfId="2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4" fillId="3" borderId="4" xfId="2" applyBorder="1" applyAlignment="1">
      <alignment horizontal="center" vertical="center" wrapText="1"/>
    </xf>
  </cellXfs>
  <cellStyles count="3">
    <cellStyle name="20% — akcent 2" xfId="1" builtinId="34"/>
    <cellStyle name="20% — akcent 3" xfId="2" builtinId="38"/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63"/>
  <sheetViews>
    <sheetView tabSelected="1" zoomScaleNormal="100" workbookViewId="0">
      <selection activeCell="F68" sqref="F68"/>
    </sheetView>
  </sheetViews>
  <sheetFormatPr defaultRowHeight="14.5" x14ac:dyDescent="0.35"/>
  <cols>
    <col min="1" max="1" width="5.54296875" customWidth="1"/>
    <col min="2" max="2" width="42.54296875" customWidth="1"/>
    <col min="4" max="4" width="17.453125" customWidth="1"/>
    <col min="5" max="5" width="14.6328125" customWidth="1"/>
    <col min="6" max="6" width="14.90625" customWidth="1"/>
    <col min="7" max="7" width="11.08984375" customWidth="1"/>
    <col min="8" max="8" width="18.08984375" customWidth="1"/>
  </cols>
  <sheetData>
    <row r="1" spans="1:8" x14ac:dyDescent="0.35">
      <c r="A1" s="1" t="s">
        <v>89</v>
      </c>
    </row>
    <row r="2" spans="1:8" x14ac:dyDescent="0.35">
      <c r="A2" s="11" t="s">
        <v>79</v>
      </c>
      <c r="B2" s="11"/>
      <c r="C2" s="11"/>
      <c r="D2" s="11"/>
      <c r="E2" s="11"/>
      <c r="F2" s="11"/>
      <c r="G2" s="11"/>
      <c r="H2" s="11"/>
    </row>
    <row r="4" spans="1:8" ht="39" x14ac:dyDescent="0.35">
      <c r="A4" s="2" t="s">
        <v>0</v>
      </c>
      <c r="B4" s="2" t="s">
        <v>1</v>
      </c>
      <c r="C4" s="3" t="s">
        <v>2</v>
      </c>
      <c r="D4" s="3" t="s">
        <v>3</v>
      </c>
      <c r="E4" s="4" t="s">
        <v>4</v>
      </c>
      <c r="F4" s="4" t="s">
        <v>5</v>
      </c>
      <c r="G4" s="4" t="s">
        <v>77</v>
      </c>
      <c r="H4" s="4" t="s">
        <v>78</v>
      </c>
    </row>
    <row r="5" spans="1:8" ht="17.25" customHeight="1" x14ac:dyDescent="0.35">
      <c r="A5" s="12" t="s">
        <v>6</v>
      </c>
      <c r="B5" s="13" t="s">
        <v>90</v>
      </c>
      <c r="C5" s="12" t="s">
        <v>7</v>
      </c>
      <c r="D5" s="14">
        <v>3</v>
      </c>
      <c r="E5" s="5"/>
      <c r="F5" s="5"/>
      <c r="G5" s="6"/>
      <c r="H5" s="5"/>
    </row>
    <row r="6" spans="1:8" x14ac:dyDescent="0.35">
      <c r="A6" s="12" t="s">
        <v>8</v>
      </c>
      <c r="B6" s="13" t="s">
        <v>9</v>
      </c>
      <c r="C6" s="12" t="s">
        <v>7</v>
      </c>
      <c r="D6" s="14">
        <v>180</v>
      </c>
      <c r="E6" s="5"/>
      <c r="F6" s="5"/>
      <c r="G6" s="6"/>
      <c r="H6" s="5"/>
    </row>
    <row r="7" spans="1:8" x14ac:dyDescent="0.35">
      <c r="A7" s="12" t="s">
        <v>10</v>
      </c>
      <c r="B7" s="13" t="s">
        <v>11</v>
      </c>
      <c r="C7" s="12" t="s">
        <v>7</v>
      </c>
      <c r="D7" s="14">
        <v>100</v>
      </c>
      <c r="E7" s="5"/>
      <c r="F7" s="5"/>
      <c r="G7" s="6"/>
      <c r="H7" s="5"/>
    </row>
    <row r="8" spans="1:8" ht="29" x14ac:dyDescent="0.35">
      <c r="A8" s="12" t="s">
        <v>12</v>
      </c>
      <c r="B8" s="13" t="s">
        <v>91</v>
      </c>
      <c r="C8" s="12" t="s">
        <v>7</v>
      </c>
      <c r="D8" s="14">
        <v>20</v>
      </c>
      <c r="E8" s="5"/>
      <c r="F8" s="5"/>
      <c r="G8" s="6"/>
      <c r="H8" s="5"/>
    </row>
    <row r="9" spans="1:8" ht="41" customHeight="1" x14ac:dyDescent="0.35">
      <c r="A9" s="12" t="s">
        <v>13</v>
      </c>
      <c r="B9" s="13" t="s">
        <v>92</v>
      </c>
      <c r="C9" s="12" t="s">
        <v>7</v>
      </c>
      <c r="D9" s="14">
        <v>50</v>
      </c>
      <c r="E9" s="5"/>
      <c r="F9" s="5"/>
      <c r="G9" s="6"/>
      <c r="H9" s="5"/>
    </row>
    <row r="10" spans="1:8" ht="66" customHeight="1" x14ac:dyDescent="0.35">
      <c r="A10" s="12" t="s">
        <v>14</v>
      </c>
      <c r="B10" s="13" t="s">
        <v>93</v>
      </c>
      <c r="C10" s="12" t="s">
        <v>7</v>
      </c>
      <c r="D10" s="14">
        <v>20</v>
      </c>
      <c r="E10" s="5"/>
      <c r="F10" s="5"/>
      <c r="G10" s="6"/>
      <c r="H10" s="5"/>
    </row>
    <row r="11" spans="1:8" ht="87" x14ac:dyDescent="0.35">
      <c r="A11" s="12" t="s">
        <v>15</v>
      </c>
      <c r="B11" s="13" t="s">
        <v>94</v>
      </c>
      <c r="C11" s="12" t="s">
        <v>7</v>
      </c>
      <c r="D11" s="14">
        <v>30</v>
      </c>
      <c r="E11" s="5"/>
      <c r="F11" s="5"/>
      <c r="G11" s="6"/>
      <c r="H11" s="5"/>
    </row>
    <row r="12" spans="1:8" ht="111" customHeight="1" x14ac:dyDescent="0.35">
      <c r="A12" s="12" t="s">
        <v>16</v>
      </c>
      <c r="B12" s="13" t="s">
        <v>95</v>
      </c>
      <c r="C12" s="12" t="s">
        <v>21</v>
      </c>
      <c r="D12" s="15" t="s">
        <v>96</v>
      </c>
      <c r="E12" s="5"/>
      <c r="F12" s="5"/>
      <c r="G12" s="6"/>
      <c r="H12" s="5"/>
    </row>
    <row r="13" spans="1:8" x14ac:dyDescent="0.35">
      <c r="A13" s="12" t="s">
        <v>17</v>
      </c>
      <c r="B13" s="13" t="s">
        <v>24</v>
      </c>
      <c r="C13" s="12" t="s">
        <v>21</v>
      </c>
      <c r="D13" s="14">
        <v>6</v>
      </c>
      <c r="E13" s="5"/>
      <c r="F13" s="5"/>
      <c r="G13" s="6"/>
      <c r="H13" s="5"/>
    </row>
    <row r="14" spans="1:8" x14ac:dyDescent="0.35">
      <c r="A14" s="12" t="s">
        <v>18</v>
      </c>
      <c r="B14" s="13" t="s">
        <v>80</v>
      </c>
      <c r="C14" s="12" t="s">
        <v>21</v>
      </c>
      <c r="D14" s="14">
        <v>2</v>
      </c>
      <c r="E14" s="5"/>
      <c r="F14" s="5"/>
      <c r="G14" s="6"/>
      <c r="H14" s="5"/>
    </row>
    <row r="15" spans="1:8" x14ac:dyDescent="0.35">
      <c r="A15" s="12" t="s">
        <v>19</v>
      </c>
      <c r="B15" s="13" t="s">
        <v>97</v>
      </c>
      <c r="C15" s="12" t="s">
        <v>21</v>
      </c>
      <c r="D15" s="14">
        <v>1</v>
      </c>
      <c r="E15" s="5"/>
      <c r="F15" s="5"/>
      <c r="G15" s="6"/>
      <c r="H15" s="5"/>
    </row>
    <row r="16" spans="1:8" x14ac:dyDescent="0.35">
      <c r="A16" s="12" t="s">
        <v>20</v>
      </c>
      <c r="B16" s="13" t="s">
        <v>98</v>
      </c>
      <c r="C16" s="12" t="s">
        <v>21</v>
      </c>
      <c r="D16" s="14">
        <v>2</v>
      </c>
      <c r="E16" s="5"/>
      <c r="F16" s="5"/>
      <c r="G16" s="6"/>
      <c r="H16" s="5"/>
    </row>
    <row r="17" spans="1:8" x14ac:dyDescent="0.35">
      <c r="A17" s="12" t="s">
        <v>22</v>
      </c>
      <c r="B17" s="13" t="s">
        <v>99</v>
      </c>
      <c r="C17" s="12" t="s">
        <v>21</v>
      </c>
      <c r="D17" s="14">
        <v>1</v>
      </c>
      <c r="E17" s="5"/>
      <c r="F17" s="5"/>
      <c r="G17" s="6"/>
      <c r="H17" s="5"/>
    </row>
    <row r="18" spans="1:8" x14ac:dyDescent="0.35">
      <c r="A18" s="12" t="s">
        <v>23</v>
      </c>
      <c r="B18" s="13" t="s">
        <v>100</v>
      </c>
      <c r="C18" s="12" t="s">
        <v>21</v>
      </c>
      <c r="D18" s="14">
        <v>1</v>
      </c>
      <c r="E18" s="5"/>
      <c r="F18" s="5"/>
      <c r="G18" s="6"/>
      <c r="H18" s="5"/>
    </row>
    <row r="19" spans="1:8" ht="29" x14ac:dyDescent="0.35">
      <c r="A19" s="12" t="s">
        <v>25</v>
      </c>
      <c r="B19" s="13" t="s">
        <v>81</v>
      </c>
      <c r="C19" s="12" t="s">
        <v>21</v>
      </c>
      <c r="D19" s="14">
        <v>10</v>
      </c>
      <c r="E19" s="5"/>
      <c r="F19" s="5"/>
      <c r="G19" s="6"/>
      <c r="H19" s="5"/>
    </row>
    <row r="20" spans="1:8" ht="58" x14ac:dyDescent="0.35">
      <c r="A20" s="12" t="s">
        <v>26</v>
      </c>
      <c r="B20" s="13" t="s">
        <v>131</v>
      </c>
      <c r="C20" s="12" t="s">
        <v>21</v>
      </c>
      <c r="D20" s="14">
        <v>2</v>
      </c>
      <c r="E20" s="5"/>
      <c r="F20" s="5"/>
      <c r="G20" s="6"/>
      <c r="H20" s="5"/>
    </row>
    <row r="21" spans="1:8" x14ac:dyDescent="0.35">
      <c r="A21" s="12" t="s">
        <v>27</v>
      </c>
      <c r="B21" s="13" t="s">
        <v>36</v>
      </c>
      <c r="C21" s="12" t="s">
        <v>21</v>
      </c>
      <c r="D21" s="14">
        <v>25</v>
      </c>
      <c r="E21" s="5"/>
      <c r="F21" s="5"/>
      <c r="G21" s="6"/>
      <c r="H21" s="5"/>
    </row>
    <row r="22" spans="1:8" ht="24" customHeight="1" x14ac:dyDescent="0.35">
      <c r="A22" s="12" t="s">
        <v>28</v>
      </c>
      <c r="B22" s="13" t="s">
        <v>82</v>
      </c>
      <c r="C22" s="12" t="s">
        <v>21</v>
      </c>
      <c r="D22" s="14">
        <v>10</v>
      </c>
      <c r="E22" s="7"/>
      <c r="F22" s="5"/>
      <c r="G22" s="6"/>
      <c r="H22" s="5"/>
    </row>
    <row r="23" spans="1:8" ht="29" customHeight="1" x14ac:dyDescent="0.35">
      <c r="A23" s="12" t="s">
        <v>29</v>
      </c>
      <c r="B23" s="13" t="s">
        <v>101</v>
      </c>
      <c r="C23" s="12" t="s">
        <v>7</v>
      </c>
      <c r="D23" s="14">
        <v>200</v>
      </c>
      <c r="E23" s="7"/>
      <c r="F23" s="5"/>
      <c r="G23" s="6"/>
      <c r="H23" s="5"/>
    </row>
    <row r="24" spans="1:8" ht="29" x14ac:dyDescent="0.35">
      <c r="A24" s="12" t="s">
        <v>30</v>
      </c>
      <c r="B24" s="13" t="s">
        <v>102</v>
      </c>
      <c r="C24" s="12" t="s">
        <v>21</v>
      </c>
      <c r="D24" s="14">
        <v>5</v>
      </c>
      <c r="E24" s="7"/>
      <c r="F24" s="5"/>
      <c r="G24" s="6"/>
      <c r="H24" s="5"/>
    </row>
    <row r="25" spans="1:8" ht="29" x14ac:dyDescent="0.35">
      <c r="A25" s="12" t="s">
        <v>31</v>
      </c>
      <c r="B25" s="13" t="s">
        <v>103</v>
      </c>
      <c r="C25" s="12" t="s">
        <v>21</v>
      </c>
      <c r="D25" s="14">
        <v>4</v>
      </c>
      <c r="E25" s="7"/>
      <c r="F25" s="5"/>
      <c r="G25" s="6"/>
      <c r="H25" s="5"/>
    </row>
    <row r="26" spans="1:8" x14ac:dyDescent="0.35">
      <c r="A26" s="12" t="s">
        <v>32</v>
      </c>
      <c r="B26" s="13" t="s">
        <v>49</v>
      </c>
      <c r="C26" s="12" t="s">
        <v>21</v>
      </c>
      <c r="D26" s="14">
        <v>12</v>
      </c>
      <c r="E26" s="7"/>
      <c r="F26" s="5"/>
      <c r="G26" s="6"/>
      <c r="H26" s="5"/>
    </row>
    <row r="27" spans="1:8" x14ac:dyDescent="0.35">
      <c r="A27" s="12" t="s">
        <v>33</v>
      </c>
      <c r="B27" s="13" t="s">
        <v>83</v>
      </c>
      <c r="C27" s="12" t="s">
        <v>7</v>
      </c>
      <c r="D27" s="14">
        <v>250</v>
      </c>
      <c r="E27" s="7"/>
      <c r="F27" s="5"/>
      <c r="G27" s="6"/>
      <c r="H27" s="5"/>
    </row>
    <row r="28" spans="1:8" x14ac:dyDescent="0.35">
      <c r="A28" s="12" t="s">
        <v>34</v>
      </c>
      <c r="B28" s="13" t="s">
        <v>64</v>
      </c>
      <c r="C28" s="12" t="s">
        <v>21</v>
      </c>
      <c r="D28" s="14">
        <v>100</v>
      </c>
      <c r="E28" s="7"/>
      <c r="F28" s="5"/>
      <c r="G28" s="6"/>
      <c r="H28" s="5"/>
    </row>
    <row r="29" spans="1:8" ht="29" x14ac:dyDescent="0.35">
      <c r="A29" s="12" t="s">
        <v>35</v>
      </c>
      <c r="B29" s="13" t="s">
        <v>70</v>
      </c>
      <c r="C29" s="12" t="s">
        <v>7</v>
      </c>
      <c r="D29" s="14">
        <v>30</v>
      </c>
      <c r="E29" s="7"/>
      <c r="F29" s="5"/>
      <c r="G29" s="6"/>
      <c r="H29" s="5"/>
    </row>
    <row r="30" spans="1:8" x14ac:dyDescent="0.35">
      <c r="A30" s="12" t="s">
        <v>37</v>
      </c>
      <c r="B30" s="13" t="s">
        <v>104</v>
      </c>
      <c r="C30" s="12" t="s">
        <v>7</v>
      </c>
      <c r="D30" s="14">
        <v>3</v>
      </c>
      <c r="E30" s="7"/>
      <c r="F30" s="5"/>
      <c r="G30" s="6"/>
      <c r="H30" s="5"/>
    </row>
    <row r="31" spans="1:8" x14ac:dyDescent="0.35">
      <c r="A31" s="12" t="s">
        <v>38</v>
      </c>
      <c r="B31" s="13" t="s">
        <v>105</v>
      </c>
      <c r="C31" s="12" t="s">
        <v>7</v>
      </c>
      <c r="D31" s="16" t="s">
        <v>106</v>
      </c>
      <c r="E31" s="7"/>
      <c r="F31" s="5"/>
      <c r="G31" s="6"/>
      <c r="H31" s="5"/>
    </row>
    <row r="32" spans="1:8" x14ac:dyDescent="0.35">
      <c r="A32" s="12" t="s">
        <v>39</v>
      </c>
      <c r="B32" s="13" t="s">
        <v>73</v>
      </c>
      <c r="C32" s="12" t="s">
        <v>21</v>
      </c>
      <c r="D32" s="14">
        <v>10</v>
      </c>
      <c r="E32" s="7"/>
      <c r="F32" s="5"/>
      <c r="G32" s="6"/>
      <c r="H32" s="5"/>
    </row>
    <row r="33" spans="1:8" ht="116" x14ac:dyDescent="0.35">
      <c r="A33" s="12" t="s">
        <v>40</v>
      </c>
      <c r="B33" s="13" t="s">
        <v>107</v>
      </c>
      <c r="C33" s="12" t="s">
        <v>7</v>
      </c>
      <c r="D33" s="17" t="s">
        <v>108</v>
      </c>
      <c r="E33" s="7"/>
      <c r="F33" s="5"/>
      <c r="G33" s="6"/>
      <c r="H33" s="5"/>
    </row>
    <row r="34" spans="1:8" ht="29" x14ac:dyDescent="0.35">
      <c r="A34" s="12" t="s">
        <v>41</v>
      </c>
      <c r="B34" s="13" t="s">
        <v>109</v>
      </c>
      <c r="C34" s="12" t="s">
        <v>7</v>
      </c>
      <c r="D34" s="14">
        <v>10</v>
      </c>
      <c r="E34" s="7"/>
      <c r="F34" s="5"/>
      <c r="G34" s="6"/>
      <c r="H34" s="5"/>
    </row>
    <row r="35" spans="1:8" x14ac:dyDescent="0.35">
      <c r="A35" s="12" t="s">
        <v>42</v>
      </c>
      <c r="B35" s="13" t="s">
        <v>74</v>
      </c>
      <c r="C35" s="12" t="s">
        <v>7</v>
      </c>
      <c r="D35" s="14">
        <v>50</v>
      </c>
      <c r="E35" s="7"/>
      <c r="F35" s="5"/>
      <c r="G35" s="6"/>
      <c r="H35" s="5"/>
    </row>
    <row r="36" spans="1:8" x14ac:dyDescent="0.35">
      <c r="A36" s="12" t="s">
        <v>43</v>
      </c>
      <c r="B36" s="13" t="s">
        <v>75</v>
      </c>
      <c r="C36" s="12" t="s">
        <v>7</v>
      </c>
      <c r="D36" s="14">
        <v>30</v>
      </c>
      <c r="E36" s="7"/>
      <c r="F36" s="5"/>
      <c r="G36" s="6"/>
      <c r="H36" s="5"/>
    </row>
    <row r="37" spans="1:8" x14ac:dyDescent="0.35">
      <c r="A37" s="12" t="s">
        <v>44</v>
      </c>
      <c r="B37" s="13" t="s">
        <v>110</v>
      </c>
      <c r="C37" s="12" t="s">
        <v>7</v>
      </c>
      <c r="D37" s="14">
        <v>6</v>
      </c>
      <c r="E37" s="7"/>
      <c r="F37" s="5"/>
      <c r="G37" s="6"/>
      <c r="H37" s="5"/>
    </row>
    <row r="38" spans="1:8" ht="29" x14ac:dyDescent="0.35">
      <c r="A38" s="12" t="s">
        <v>45</v>
      </c>
      <c r="B38" s="13" t="s">
        <v>76</v>
      </c>
      <c r="C38" s="12" t="s">
        <v>21</v>
      </c>
      <c r="D38" s="14">
        <v>15</v>
      </c>
      <c r="E38" s="7"/>
      <c r="F38" s="5"/>
      <c r="G38" s="6"/>
      <c r="H38" s="5"/>
    </row>
    <row r="39" spans="1:8" x14ac:dyDescent="0.35">
      <c r="A39" s="12" t="s">
        <v>46</v>
      </c>
      <c r="B39" s="13" t="s">
        <v>84</v>
      </c>
      <c r="C39" s="12" t="s">
        <v>7</v>
      </c>
      <c r="D39" s="14">
        <v>40</v>
      </c>
      <c r="E39" s="7"/>
      <c r="F39" s="5"/>
      <c r="G39" s="6"/>
      <c r="H39" s="5"/>
    </row>
    <row r="40" spans="1:8" ht="29" x14ac:dyDescent="0.35">
      <c r="A40" s="12" t="s">
        <v>47</v>
      </c>
      <c r="B40" s="13" t="s">
        <v>111</v>
      </c>
      <c r="C40" s="12" t="s">
        <v>7</v>
      </c>
      <c r="D40" s="14">
        <v>2</v>
      </c>
      <c r="E40" s="7"/>
      <c r="F40" s="5"/>
      <c r="G40" s="6"/>
      <c r="H40" s="5"/>
    </row>
    <row r="41" spans="1:8" x14ac:dyDescent="0.35">
      <c r="A41" s="12" t="s">
        <v>48</v>
      </c>
      <c r="B41" s="13" t="s">
        <v>112</v>
      </c>
      <c r="C41" s="12" t="s">
        <v>7</v>
      </c>
      <c r="D41" s="14">
        <v>3</v>
      </c>
      <c r="E41" s="7"/>
      <c r="F41" s="5"/>
      <c r="G41" s="6"/>
      <c r="H41" s="5"/>
    </row>
    <row r="42" spans="1:8" x14ac:dyDescent="0.35">
      <c r="A42" s="12" t="s">
        <v>50</v>
      </c>
      <c r="B42" s="13" t="s">
        <v>85</v>
      </c>
      <c r="C42" s="12" t="s">
        <v>21</v>
      </c>
      <c r="D42" s="14">
        <v>5</v>
      </c>
      <c r="E42" s="7"/>
      <c r="F42" s="5"/>
      <c r="G42" s="6"/>
      <c r="H42" s="5"/>
    </row>
    <row r="43" spans="1:8" x14ac:dyDescent="0.35">
      <c r="A43" s="12" t="s">
        <v>51</v>
      </c>
      <c r="B43" s="13" t="s">
        <v>86</v>
      </c>
      <c r="C43" s="12" t="s">
        <v>21</v>
      </c>
      <c r="D43" s="14">
        <v>15</v>
      </c>
      <c r="E43" s="7"/>
      <c r="F43" s="5"/>
      <c r="G43" s="6"/>
      <c r="H43" s="5"/>
    </row>
    <row r="44" spans="1:8" x14ac:dyDescent="0.35">
      <c r="A44" s="12" t="s">
        <v>52</v>
      </c>
      <c r="B44" s="13" t="s">
        <v>87</v>
      </c>
      <c r="C44" s="12" t="s">
        <v>21</v>
      </c>
      <c r="D44" s="14">
        <v>5</v>
      </c>
      <c r="E44" s="7"/>
      <c r="F44" s="5"/>
      <c r="G44" s="6"/>
      <c r="H44" s="5"/>
    </row>
    <row r="45" spans="1:8" ht="29" x14ac:dyDescent="0.35">
      <c r="A45" s="12" t="s">
        <v>53</v>
      </c>
      <c r="B45" s="13" t="s">
        <v>88</v>
      </c>
      <c r="C45" s="12" t="s">
        <v>21</v>
      </c>
      <c r="D45" s="14">
        <v>6</v>
      </c>
      <c r="E45" s="7"/>
      <c r="F45" s="5"/>
      <c r="G45" s="6"/>
      <c r="H45" s="5"/>
    </row>
    <row r="46" spans="1:8" x14ac:dyDescent="0.35">
      <c r="A46" s="12" t="s">
        <v>54</v>
      </c>
      <c r="B46" s="13" t="s">
        <v>113</v>
      </c>
      <c r="C46" s="13" t="s">
        <v>7</v>
      </c>
      <c r="D46" s="18">
        <v>10</v>
      </c>
      <c r="E46" s="7"/>
      <c r="F46" s="5"/>
      <c r="G46" s="6"/>
      <c r="H46" s="5"/>
    </row>
    <row r="47" spans="1:8" x14ac:dyDescent="0.35">
      <c r="A47" s="12" t="s">
        <v>55</v>
      </c>
      <c r="B47" s="13" t="s">
        <v>114</v>
      </c>
      <c r="C47" s="13" t="s">
        <v>7</v>
      </c>
      <c r="D47" s="18">
        <v>6</v>
      </c>
      <c r="E47" s="7"/>
      <c r="F47" s="5"/>
      <c r="G47" s="6"/>
      <c r="H47" s="5"/>
    </row>
    <row r="48" spans="1:8" x14ac:dyDescent="0.35">
      <c r="A48" s="12" t="s">
        <v>56</v>
      </c>
      <c r="B48" s="13" t="s">
        <v>115</v>
      </c>
      <c r="C48" s="13" t="s">
        <v>21</v>
      </c>
      <c r="D48" s="18">
        <v>6</v>
      </c>
      <c r="E48" s="7"/>
      <c r="F48" s="5"/>
      <c r="G48" s="6"/>
      <c r="H48" s="5"/>
    </row>
    <row r="49" spans="1:8" ht="29" x14ac:dyDescent="0.35">
      <c r="A49" s="12" t="s">
        <v>57</v>
      </c>
      <c r="B49" s="13" t="s">
        <v>116</v>
      </c>
      <c r="C49" s="13" t="s">
        <v>7</v>
      </c>
      <c r="D49" s="18">
        <v>20</v>
      </c>
      <c r="E49" s="7"/>
      <c r="F49" s="5"/>
      <c r="G49" s="6"/>
      <c r="H49" s="5"/>
    </row>
    <row r="50" spans="1:8" x14ac:dyDescent="0.35">
      <c r="A50" s="12" t="s">
        <v>58</v>
      </c>
      <c r="B50" s="13" t="s">
        <v>117</v>
      </c>
      <c r="C50" s="13" t="s">
        <v>7</v>
      </c>
      <c r="D50" s="18">
        <v>30</v>
      </c>
      <c r="E50" s="7"/>
      <c r="F50" s="5"/>
      <c r="G50" s="6"/>
      <c r="H50" s="5"/>
    </row>
    <row r="51" spans="1:8" x14ac:dyDescent="0.35">
      <c r="A51" s="12" t="s">
        <v>59</v>
      </c>
      <c r="B51" s="13" t="s">
        <v>118</v>
      </c>
      <c r="C51" s="13" t="s">
        <v>7</v>
      </c>
      <c r="D51" s="18">
        <v>20</v>
      </c>
      <c r="E51" s="7"/>
      <c r="F51" s="5"/>
      <c r="G51" s="6"/>
      <c r="H51" s="5"/>
    </row>
    <row r="52" spans="1:8" x14ac:dyDescent="0.35">
      <c r="A52" s="12" t="s">
        <v>60</v>
      </c>
      <c r="B52" s="13" t="s">
        <v>119</v>
      </c>
      <c r="C52" s="13" t="s">
        <v>7</v>
      </c>
      <c r="D52" s="18">
        <v>4</v>
      </c>
      <c r="E52" s="7"/>
      <c r="F52" s="5"/>
      <c r="G52" s="6"/>
      <c r="H52" s="5"/>
    </row>
    <row r="53" spans="1:8" x14ac:dyDescent="0.35">
      <c r="A53" s="12" t="s">
        <v>61</v>
      </c>
      <c r="B53" s="13" t="s">
        <v>120</v>
      </c>
      <c r="C53" s="13" t="s">
        <v>7</v>
      </c>
      <c r="D53" s="18">
        <v>5</v>
      </c>
      <c r="E53" s="7"/>
      <c r="F53" s="5"/>
      <c r="G53" s="6"/>
      <c r="H53" s="5"/>
    </row>
    <row r="54" spans="1:8" x14ac:dyDescent="0.35">
      <c r="A54" s="12" t="s">
        <v>62</v>
      </c>
      <c r="B54" s="13" t="s">
        <v>121</v>
      </c>
      <c r="C54" s="13" t="s">
        <v>7</v>
      </c>
      <c r="D54" s="18">
        <v>50</v>
      </c>
      <c r="E54" s="7"/>
      <c r="F54" s="5"/>
      <c r="G54" s="6"/>
      <c r="H54" s="5"/>
    </row>
    <row r="55" spans="1:8" ht="29" x14ac:dyDescent="0.35">
      <c r="A55" s="12" t="s">
        <v>63</v>
      </c>
      <c r="B55" s="13" t="s">
        <v>122</v>
      </c>
      <c r="C55" s="13" t="s">
        <v>7</v>
      </c>
      <c r="D55" s="18">
        <v>1</v>
      </c>
      <c r="E55" s="7"/>
      <c r="F55" s="5"/>
      <c r="G55" s="6"/>
      <c r="H55" s="5"/>
    </row>
    <row r="56" spans="1:8" ht="29" x14ac:dyDescent="0.35">
      <c r="A56" s="12" t="s">
        <v>65</v>
      </c>
      <c r="B56" s="13" t="s">
        <v>123</v>
      </c>
      <c r="C56" s="13" t="s">
        <v>7</v>
      </c>
      <c r="D56" s="18">
        <v>2</v>
      </c>
      <c r="E56" s="7"/>
      <c r="F56" s="5"/>
      <c r="G56" s="6"/>
      <c r="H56" s="5"/>
    </row>
    <row r="57" spans="1:8" ht="29" x14ac:dyDescent="0.35">
      <c r="A57" s="12" t="s">
        <v>66</v>
      </c>
      <c r="B57" s="13" t="s">
        <v>124</v>
      </c>
      <c r="C57" s="13" t="s">
        <v>7</v>
      </c>
      <c r="D57" s="18">
        <v>10</v>
      </c>
      <c r="E57" s="7"/>
      <c r="F57" s="5"/>
      <c r="G57" s="6"/>
      <c r="H57" s="5"/>
    </row>
    <row r="58" spans="1:8" ht="29" x14ac:dyDescent="0.35">
      <c r="A58" s="12" t="s">
        <v>67</v>
      </c>
      <c r="B58" s="13" t="s">
        <v>125</v>
      </c>
      <c r="C58" s="19" t="s">
        <v>21</v>
      </c>
      <c r="D58" s="18">
        <v>1</v>
      </c>
      <c r="E58" s="7"/>
      <c r="F58" s="5"/>
      <c r="G58" s="6"/>
      <c r="H58" s="5"/>
    </row>
    <row r="59" spans="1:8" ht="29" x14ac:dyDescent="0.35">
      <c r="A59" s="12" t="s">
        <v>68</v>
      </c>
      <c r="B59" s="13" t="s">
        <v>126</v>
      </c>
      <c r="C59" s="19" t="s">
        <v>127</v>
      </c>
      <c r="D59" s="18">
        <v>20</v>
      </c>
      <c r="E59" s="7"/>
      <c r="F59" s="5"/>
      <c r="G59" s="6"/>
      <c r="H59" s="5"/>
    </row>
    <row r="60" spans="1:8" ht="43.5" x14ac:dyDescent="0.35">
      <c r="A60" s="12" t="s">
        <v>69</v>
      </c>
      <c r="B60" s="20" t="s">
        <v>128</v>
      </c>
      <c r="C60" s="20" t="s">
        <v>127</v>
      </c>
      <c r="D60" s="21">
        <v>10</v>
      </c>
      <c r="E60" s="7"/>
      <c r="F60" s="5"/>
      <c r="G60" s="6"/>
      <c r="H60" s="5"/>
    </row>
    <row r="61" spans="1:8" ht="29" x14ac:dyDescent="0.35">
      <c r="A61" s="12" t="s">
        <v>71</v>
      </c>
      <c r="B61" s="13" t="s">
        <v>129</v>
      </c>
      <c r="C61" s="13" t="s">
        <v>7</v>
      </c>
      <c r="D61" s="18">
        <v>5</v>
      </c>
      <c r="E61" s="7"/>
      <c r="F61" s="5"/>
      <c r="G61" s="6"/>
      <c r="H61" s="5"/>
    </row>
    <row r="62" spans="1:8" ht="29.5" thickBot="1" x14ac:dyDescent="0.4">
      <c r="A62" s="12" t="s">
        <v>72</v>
      </c>
      <c r="B62" s="13" t="s">
        <v>130</v>
      </c>
      <c r="C62" s="13" t="s">
        <v>7</v>
      </c>
      <c r="D62" s="18">
        <v>5</v>
      </c>
      <c r="E62" s="7"/>
      <c r="F62" s="5"/>
      <c r="G62" s="6"/>
      <c r="H62" s="5"/>
    </row>
    <row r="63" spans="1:8" ht="15" thickBot="1" x14ac:dyDescent="0.4">
      <c r="A63" s="8"/>
      <c r="B63" s="8"/>
      <c r="C63" s="8"/>
      <c r="D63" s="8"/>
      <c r="E63" s="8"/>
      <c r="F63" s="9">
        <f>SUM(F5:F62)</f>
        <v>0</v>
      </c>
      <c r="G63" s="10"/>
      <c r="H63" s="9">
        <f>SUM(H5:H62)</f>
        <v>0</v>
      </c>
    </row>
  </sheetData>
  <mergeCells count="1">
    <mergeCell ref="A2:H2"/>
  </mergeCells>
  <pageMargins left="0.7" right="0.7" top="0.75" bottom="0.75" header="0.3" footer="0.3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na Siuta</dc:creator>
  <cp:lastModifiedBy>Hanna Siuta</cp:lastModifiedBy>
  <dcterms:created xsi:type="dcterms:W3CDTF">2022-04-06T13:54:02Z</dcterms:created>
  <dcterms:modified xsi:type="dcterms:W3CDTF">2024-02-15T13:29:07Z</dcterms:modified>
</cp:coreProperties>
</file>